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B05EFD57-0C8F-44D4-B30D-ED42FF17D777}" xr6:coauthVersionLast="36" xr6:coauthVersionMax="47" xr10:uidLastSave="{00000000-0000-0000-0000-000000000000}"/>
  <bookViews>
    <workbookView xWindow="2160" yWindow="2160" windowWidth="23670" windowHeight="12750" xr2:uid="{00000000-000D-0000-FFFF-FFFF00000000}"/>
  </bookViews>
  <sheets>
    <sheet name="ComingCustomer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1" uniqueCount="9">
  <si>
    <t>BusinessID</t>
  </si>
  <si>
    <t>CustomerID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A2676AF5-4B23-418D-9188-F51CD8E30413}" name="テーブル1" displayName="テーブル1" ref="A1:E5" totalsRowShown="0">
  <autoFilter ref="A1:E5" xr:uid="{FD683790-B1D8-4823-9B0D-D7C33FB24DBC}"/>
  <tableColumns count="5">
    <tableColumn id="1" xr3:uid="{BB4F8884-627B-47AF-A319-A3C71B0835C8}" name="ID"/>
    <tableColumn id="2" xr3:uid="{C009EDEE-2DFC-47E0-A6CC-374CF5D70A98}" name="TERMINATOR"/>
    <tableColumn id="3" xr3:uid="{E1DCC830-AC29-4426-AF76-46ED6B4B92CF}" name="MAX_LENGTH"/>
    <tableColumn id="4" xr3:uid="{7BA9C208-234D-4AC2-AD4D-B5D4EA0C0F9C}" name="SOURCE"/>
    <tableColumn id="5" xr3:uid="{08242A96-1187-4D8F-973A-4375149E5191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"/>
  <sheetViews>
    <sheetView tabSelected="1" workbookViewId="0">
      <selection activeCell="D12" sqref="D12"/>
    </sheetView>
  </sheetViews>
  <sheetFormatPr defaultRowHeight="18.75" x14ac:dyDescent="0.4"/>
  <sheetData>
    <row r="1" spans="1:2" x14ac:dyDescent="0.4">
      <c r="A1" s="1" t="s">
        <v>0</v>
      </c>
      <c r="B1" s="2" t="s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5"/>
  <sheetViews>
    <sheetView workbookViewId="0">
      <selection sqref="A1:E5"/>
    </sheetView>
  </sheetViews>
  <sheetFormatPr defaultRowHeight="18.75" x14ac:dyDescent="0.4"/>
  <sheetData>
    <row r="1" spans="1:5" x14ac:dyDescent="0.4">
      <c r="A1" t="s">
        <v>2</v>
      </c>
      <c r="B1" t="s">
        <v>3</v>
      </c>
      <c r="C1" t="s">
        <v>4</v>
      </c>
      <c r="D1" t="s">
        <v>5</v>
      </c>
      <c r="E1" t="s">
        <v>6</v>
      </c>
    </row>
    <row r="2" spans="1:5" x14ac:dyDescent="0.4">
      <c r="A2">
        <v>1</v>
      </c>
      <c r="B2" s="3" t="s">
        <v>7</v>
      </c>
      <c r="C2">
        <v>12</v>
      </c>
      <c r="E2" s="3"/>
    </row>
    <row r="3" spans="1:5" x14ac:dyDescent="0.4">
      <c r="A3">
        <v>2</v>
      </c>
      <c r="B3" s="3" t="s">
        <v>8</v>
      </c>
      <c r="C3">
        <v>12</v>
      </c>
      <c r="E3" s="3"/>
    </row>
    <row r="4" spans="1:5" x14ac:dyDescent="0.4">
      <c r="B4" s="3"/>
      <c r="D4">
        <v>1</v>
      </c>
      <c r="E4" s="3" t="s">
        <v>0</v>
      </c>
    </row>
    <row r="5" spans="1:5" x14ac:dyDescent="0.4">
      <c r="B5" s="3"/>
      <c r="D5">
        <v>2</v>
      </c>
      <c r="E5" s="3" t="s">
        <v>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omingCustomer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00:33Z</dcterms:created>
  <dcterms:modified xsi:type="dcterms:W3CDTF">2024-02-26T04:29:03Z</dcterms:modified>
</cp:coreProperties>
</file>